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arlemmerme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D70EEBA-8738-896A-C130-4CAF80C1414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2909" y="4765717"/>
            <a:ext cx="1938260" cy="19033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EFE363E6-788B-B206-BBDF-949B4582F40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6509" y="3973017"/>
            <a:ext cx="1440120" cy="141419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14T12:18:37Z</dcterms:modified>
</cp:coreProperties>
</file>